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3E5235F6" w:rsidR="009000CE" w:rsidRDefault="00ED34AE" w:rsidP="00ED34AE">
                <w:pPr>
                  <w:pStyle w:val="Title"/>
                </w:pPr>
                <w:r>
                  <w:t>&lt;</w:t>
                </w:r>
                <w:r w:rsidR="00370FDE">
                  <w:t>Sydney Airbnb Data Analysis Tool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3E36B5E4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370FDE">
                  <w:t xml:space="preserve">Arjan Dangol (s5295636) | Jamil </w:t>
                </w:r>
                <w:proofErr w:type="spellStart"/>
                <w:r w:rsidR="00370FDE">
                  <w:t>Deris</w:t>
                </w:r>
                <w:proofErr w:type="spellEnd"/>
                <w:r w:rsidR="00370FDE">
                  <w:t xml:space="preserve"> (s5291506) </w:t>
                </w:r>
                <w:proofErr w:type="spellStart"/>
                <w:r w:rsidR="00370FDE">
                  <w:t>| Tanish</w:t>
                </w:r>
                <w:proofErr w:type="spellEnd"/>
                <w:r w:rsidR="00370FDE">
                  <w:t xml:space="preserve"> </w:t>
                </w:r>
                <w:proofErr w:type="spellStart"/>
                <w:r w:rsidR="00370FDE">
                  <w:t>Dhir</w:t>
                </w:r>
                <w:proofErr w:type="spellEnd"/>
                <w:r w:rsidR="00370FDE">
                  <w:t xml:space="preserve"> (s5287914)</w:t>
                </w:r>
              </w:sdtContent>
            </w:sdt>
          </w:p>
          <w:p w14:paraId="731D4453" w14:textId="498185AF" w:rsidR="009000CE" w:rsidRDefault="00184AA9">
            <w:pPr>
              <w:pStyle w:val="Heading3"/>
            </w:pPr>
            <w:r>
              <w:t>2810ICT</w:t>
            </w:r>
            <w:r w:rsidR="00370FDE">
              <w:t xml:space="preserve"> / 7810ICT</w:t>
            </w:r>
            <w:r>
              <w:t xml:space="preserve"> Software Technologies</w:t>
            </w:r>
          </w:p>
          <w:p w14:paraId="44D315E5" w14:textId="31AFB53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3-10-08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370FDE">
                  <w:t>October 8, 20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10AC7BE3" w14:textId="10417DDF" w:rsidR="00D06CD4" w:rsidRDefault="008F1C30" w:rsidP="00184AA9">
      <w:r>
        <w:t>Based on the testing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1C37BF53" w:rsidR="002D4235" w:rsidRDefault="00184AA9" w:rsidP="00ED34AE">
      <w:pPr>
        <w:rPr>
          <w:color w:val="FF0000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  <w:r w:rsidR="0053135B">
        <w:rPr>
          <w:color w:val="FF0000"/>
        </w:rPr>
        <w:t>.</w:t>
      </w:r>
    </w:p>
    <w:p w14:paraId="24EDAD9D" w14:textId="09888A86" w:rsidR="00037889" w:rsidRPr="00037889" w:rsidRDefault="00370FDE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The purpose of this report</w:t>
      </w:r>
      <w:r w:rsidR="00037889"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is to demonstrate working of Sydney Airbnb Dataset Analysis Tool.</w:t>
      </w:r>
      <w:r w:rsidR="00F43196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</w:t>
      </w:r>
      <w:r w:rsidR="00037889"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The date range</w:t>
      </w:r>
      <w: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(YYYY-MM-DD)</w:t>
      </w:r>
      <w:r w:rsidR="00037889"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covered is the from </w:t>
      </w:r>
      <w: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2018-10-08</w:t>
      </w:r>
      <w:r w:rsidR="00037889"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to</w:t>
      </w:r>
      <w: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2019-10-08 i.e., 12-month period</w:t>
      </w:r>
      <w:r w:rsidR="00037889"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. Various analysis tasks were performed in that</w:t>
      </w:r>
      <w:r w:rsid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</w:t>
      </w:r>
      <w:r w:rsidR="00037889"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time frame such as</w:t>
      </w:r>
      <w:r w:rsid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:</w:t>
      </w:r>
    </w:p>
    <w:p w14:paraId="66EFC412" w14:textId="77777777" w:rsidR="00037889" w:rsidRPr="00037889" w:rsidRDefault="00037889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- Making sure the tool is working properly</w:t>
      </w:r>
    </w:p>
    <w:p w14:paraId="1741E5EC" w14:textId="77777777" w:rsidR="00037889" w:rsidRPr="00037889" w:rsidRDefault="00037889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- Testing using </w:t>
      </w:r>
      <w:proofErr w:type="spellStart"/>
      <w:r w:rsidRPr="00370FDE">
        <w:rPr>
          <w:rStyle w:val="Heading1Char"/>
          <w:rFonts w:asciiTheme="minorHAnsi" w:eastAsiaTheme="minorEastAsia" w:hAnsiTheme="minorHAnsi" w:cstheme="minorBidi"/>
          <w:bCs/>
          <w:color w:val="000000" w:themeColor="text1"/>
          <w:sz w:val="22"/>
          <w:szCs w:val="22"/>
        </w:rPr>
        <w:t>pytest</w:t>
      </w:r>
      <w:proofErr w:type="spellEnd"/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, to make sure every input is covered</w:t>
      </w:r>
    </w:p>
    <w:p w14:paraId="561E3A1E" w14:textId="77777777" w:rsidR="00037889" w:rsidRPr="00037889" w:rsidRDefault="00037889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- Made user manual based on use cases</w:t>
      </w:r>
    </w:p>
    <w:p w14:paraId="4C26201F" w14:textId="0018C78D" w:rsidR="00A60EF3" w:rsidRPr="00037889" w:rsidRDefault="00037889" w:rsidP="00370FDE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- Updated use cases according to the program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711C2173" w:rsidR="009000CE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1 </w:t>
      </w:r>
      <w:r w:rsidR="00037889">
        <w:rPr>
          <w:rStyle w:val="Heading1Char"/>
          <w:b/>
        </w:rPr>
        <w:t>Room Listing Function</w:t>
      </w:r>
    </w:p>
    <w:p w14:paraId="2E070774" w14:textId="3F0618DE" w:rsidR="002C6136" w:rsidRDefault="009E74AF" w:rsidP="00D10D3B">
      <w:pPr>
        <w:rPr>
          <w:color w:val="000000" w:themeColor="text1"/>
        </w:rPr>
      </w:pPr>
      <w:r>
        <w:rPr>
          <w:color w:val="000000" w:themeColor="text1"/>
        </w:rPr>
        <w:t>The following are results of using Listings function</w:t>
      </w:r>
      <w:r w:rsidR="00715A6E">
        <w:rPr>
          <w:color w:val="000000" w:themeColor="text1"/>
        </w:rPr>
        <w:t>. This function takes user</w:t>
      </w:r>
      <w:r w:rsidR="002C6136">
        <w:rPr>
          <w:color w:val="000000" w:themeColor="text1"/>
        </w:rPr>
        <w:t xml:space="preserve">s </w:t>
      </w:r>
      <w:r w:rsidR="00715A6E">
        <w:rPr>
          <w:color w:val="000000" w:themeColor="text1"/>
        </w:rPr>
        <w:t xml:space="preserve">on the page where they can choose a suburb and select a date range. Then clicking on search the program will generate a table with </w:t>
      </w:r>
      <w:r w:rsidR="00D10D3B">
        <w:rPr>
          <w:color w:val="000000" w:themeColor="text1"/>
        </w:rPr>
        <w:t>listing id as ‘id’, ‘suburb’,</w:t>
      </w:r>
      <w:r w:rsidR="00D10D3B">
        <w:rPr>
          <w:color w:val="000000" w:themeColor="text1"/>
        </w:rPr>
        <w:t xml:space="preserve"> ‘</w:t>
      </w:r>
      <w:r w:rsidR="00D10D3B">
        <w:rPr>
          <w:color w:val="000000" w:themeColor="text1"/>
        </w:rPr>
        <w:t>description</w:t>
      </w:r>
      <w:r w:rsidR="00D10D3B">
        <w:rPr>
          <w:color w:val="000000" w:themeColor="text1"/>
        </w:rPr>
        <w:t>, ‘</w:t>
      </w:r>
      <w:r w:rsidR="00D10D3B">
        <w:rPr>
          <w:color w:val="000000" w:themeColor="text1"/>
        </w:rPr>
        <w:t>name’</w:t>
      </w:r>
      <w:r w:rsidR="00D10D3B">
        <w:rPr>
          <w:color w:val="000000" w:themeColor="text1"/>
        </w:rPr>
        <w:t>, ‘</w:t>
      </w:r>
      <w:r w:rsidR="00D10D3B">
        <w:rPr>
          <w:color w:val="000000" w:themeColor="text1"/>
        </w:rPr>
        <w:t>street</w:t>
      </w:r>
      <w:r w:rsidR="00D10D3B">
        <w:rPr>
          <w:color w:val="000000" w:themeColor="text1"/>
        </w:rPr>
        <w:t xml:space="preserve">’, </w:t>
      </w:r>
      <w:r w:rsidR="00D10D3B">
        <w:rPr>
          <w:color w:val="000000" w:themeColor="text1"/>
        </w:rPr>
        <w:t xml:space="preserve">and </w:t>
      </w:r>
      <w:r w:rsidR="00D10D3B">
        <w:rPr>
          <w:color w:val="000000" w:themeColor="text1"/>
        </w:rPr>
        <w:t>‘</w:t>
      </w:r>
      <w:proofErr w:type="spellStart"/>
      <w:r w:rsidR="00D10D3B">
        <w:rPr>
          <w:color w:val="000000" w:themeColor="text1"/>
        </w:rPr>
        <w:t>zipcode</w:t>
      </w:r>
      <w:proofErr w:type="spellEnd"/>
      <w:r w:rsidR="00D10D3B">
        <w:rPr>
          <w:color w:val="000000" w:themeColor="text1"/>
        </w:rPr>
        <w:t>’</w:t>
      </w:r>
      <w:r w:rsidR="00715A6E">
        <w:rPr>
          <w:color w:val="000000" w:themeColor="text1"/>
        </w:rPr>
        <w:t>.</w:t>
      </w:r>
    </w:p>
    <w:p w14:paraId="4A2C1964" w14:textId="0622AE8C" w:rsidR="002C6136" w:rsidRDefault="002C6136" w:rsidP="002C6136">
      <w:pPr>
        <w:ind w:left="0"/>
        <w:rPr>
          <w:color w:val="000000" w:themeColor="text1"/>
        </w:rPr>
      </w:pPr>
      <w:r>
        <w:rPr>
          <w:color w:val="000000" w:themeColor="text1"/>
        </w:rPr>
        <w:tab/>
        <w:t>Test 1:</w:t>
      </w:r>
    </w:p>
    <w:p w14:paraId="1350D6DF" w14:textId="011EAC8F" w:rsidR="00D10D3B" w:rsidRDefault="00D10D3B" w:rsidP="002C6136">
      <w:pPr>
        <w:ind w:left="0"/>
        <w:rPr>
          <w:color w:val="000000" w:themeColor="text1"/>
        </w:rPr>
      </w:pPr>
      <w:r>
        <w:rPr>
          <w:noProof/>
          <w:color w:val="000000" w:themeColor="text1"/>
        </w:rPr>
        <w:drawing>
          <wp:inline distT="0" distB="0" distL="0" distR="0" wp14:anchorId="10CE9483" wp14:editId="5B5FAEC8">
            <wp:extent cx="5943600" cy="4450080"/>
            <wp:effectExtent l="0" t="0" r="0" b="0"/>
            <wp:docPr id="36637470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6637470" name="Picture 1" descr="A screenshot of a computer&#10;&#10;Description automatically generated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500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1C61D9D" w14:textId="77777777" w:rsidR="00D10D3B" w:rsidRPr="00EA567C" w:rsidRDefault="00D10D3B" w:rsidP="002C6136">
      <w:pPr>
        <w:ind w:left="0"/>
        <w:rPr>
          <w:color w:val="000000" w:themeColor="text1"/>
        </w:rPr>
      </w:pPr>
    </w:p>
    <w:p w14:paraId="6A7BD116" w14:textId="3512E364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2 </w:t>
      </w:r>
      <w:r w:rsidR="00037889">
        <w:rPr>
          <w:rStyle w:val="Heading1Char"/>
          <w:b/>
        </w:rPr>
        <w:t>Price Distribution Chart Function</w:t>
      </w:r>
    </w:p>
    <w:p w14:paraId="2D95F51C" w14:textId="3D549C92" w:rsidR="002C6136" w:rsidRDefault="002C6136" w:rsidP="002C6136">
      <w:pPr>
        <w:rPr>
          <w:color w:val="000000" w:themeColor="text1"/>
        </w:rPr>
      </w:pPr>
      <w:r>
        <w:rPr>
          <w:color w:val="000000" w:themeColor="text1"/>
        </w:rPr>
        <w:t xml:space="preserve">Below are results of using Price Chart function. This function takes users on the page where they select a date range. Then clicking on </w:t>
      </w:r>
      <w:proofErr w:type="spellStart"/>
      <w:r w:rsidR="00D10D3B">
        <w:rPr>
          <w:color w:val="000000" w:themeColor="text1"/>
        </w:rPr>
        <w:t>C</w:t>
      </w:r>
      <w:r>
        <w:rPr>
          <w:color w:val="000000" w:themeColor="text1"/>
        </w:rPr>
        <w:t>reate</w:t>
      </w:r>
      <w:r w:rsidR="00D10D3B">
        <w:rPr>
          <w:color w:val="000000" w:themeColor="text1"/>
        </w:rPr>
        <w:t>C</w:t>
      </w:r>
      <w:r>
        <w:rPr>
          <w:color w:val="000000" w:themeColor="text1"/>
        </w:rPr>
        <w:t>hart</w:t>
      </w:r>
      <w:proofErr w:type="spellEnd"/>
      <w:r>
        <w:rPr>
          <w:color w:val="000000" w:themeColor="text1"/>
        </w:rPr>
        <w:t xml:space="preserve"> the program will generate </w:t>
      </w:r>
      <w:r w:rsidR="00D10D3B">
        <w:rPr>
          <w:color w:val="000000" w:themeColor="text1"/>
        </w:rPr>
        <w:t xml:space="preserve">a histogram chart with the ‘Average Price’ on the </w:t>
      </w:r>
      <w:proofErr w:type="spellStart"/>
      <w:r w:rsidR="00D10D3B">
        <w:rPr>
          <w:color w:val="000000" w:themeColor="text1"/>
        </w:rPr>
        <w:t>Xlabel</w:t>
      </w:r>
      <w:proofErr w:type="spellEnd"/>
      <w:r w:rsidR="00D10D3B">
        <w:rPr>
          <w:color w:val="000000" w:themeColor="text1"/>
        </w:rPr>
        <w:t xml:space="preserve"> and ‘Frequency’ on the </w:t>
      </w:r>
      <w:proofErr w:type="spellStart"/>
      <w:r w:rsidR="00D10D3B">
        <w:rPr>
          <w:color w:val="000000" w:themeColor="text1"/>
        </w:rPr>
        <w:t>Ylabel</w:t>
      </w:r>
      <w:proofErr w:type="spellEnd"/>
      <w:r w:rsidR="00D10D3B">
        <w:rPr>
          <w:color w:val="000000" w:themeColor="text1"/>
        </w:rPr>
        <w:t xml:space="preserve"> showing the </w:t>
      </w:r>
      <w:r w:rsidR="00305CEA">
        <w:rPr>
          <w:color w:val="000000" w:themeColor="text1"/>
        </w:rPr>
        <w:t>distribution of prices by listing id.</w:t>
      </w:r>
    </w:p>
    <w:p w14:paraId="427FAE1A" w14:textId="492D97BD" w:rsidR="009E09CB" w:rsidRDefault="009E09CB" w:rsidP="002C6136">
      <w:pPr>
        <w:rPr>
          <w:color w:val="000000" w:themeColor="text1"/>
        </w:rPr>
      </w:pPr>
      <w:r>
        <w:rPr>
          <w:color w:val="000000" w:themeColor="text1"/>
        </w:rPr>
        <w:t>Test 1:</w:t>
      </w:r>
    </w:p>
    <w:p w14:paraId="3FEA26A4" w14:textId="6C26E3B6" w:rsidR="00D10D3B" w:rsidRDefault="00D10D3B" w:rsidP="002C6136">
      <w:pPr>
        <w:rPr>
          <w:color w:val="000000" w:themeColor="text1"/>
        </w:rPr>
      </w:pPr>
      <w:r>
        <w:rPr>
          <w:noProof/>
          <w:color w:val="000000" w:themeColor="text1"/>
        </w:rPr>
        <w:drawing>
          <wp:inline distT="0" distB="0" distL="0" distR="0" wp14:anchorId="2AFABFDE" wp14:editId="14CED015">
            <wp:extent cx="5943600" cy="3865880"/>
            <wp:effectExtent l="0" t="0" r="0" b="0"/>
            <wp:docPr id="2027730525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27730525" name="Picture 2" descr="A screenshot of a computer&#10;&#10;Description automatically generated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658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EC7B0BE" w14:textId="77777777" w:rsidR="002C6136" w:rsidRPr="002C6136" w:rsidRDefault="002C6136" w:rsidP="002C6136"/>
    <w:p w14:paraId="2B11177A" w14:textId="5AF29B19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3 </w:t>
      </w:r>
      <w:r w:rsidR="00037889">
        <w:rPr>
          <w:rStyle w:val="Heading1Char"/>
          <w:b/>
        </w:rPr>
        <w:t>User Specific Room Listing Function</w:t>
      </w:r>
    </w:p>
    <w:p w14:paraId="4E76629A" w14:textId="6011AB7C" w:rsidR="009E09CB" w:rsidRDefault="009E09CB" w:rsidP="009E09CB">
      <w:pPr>
        <w:rPr>
          <w:color w:val="000000" w:themeColor="text1"/>
        </w:rPr>
      </w:pPr>
      <w:r>
        <w:rPr>
          <w:color w:val="000000" w:themeColor="text1"/>
        </w:rPr>
        <w:t xml:space="preserve">Following are results of using User Specific function. This function takes users on the page where they select a date range </w:t>
      </w:r>
      <w:r w:rsidR="00672746">
        <w:rPr>
          <w:color w:val="000000" w:themeColor="text1"/>
        </w:rPr>
        <w:t>as well as</w:t>
      </w:r>
      <w:r>
        <w:rPr>
          <w:color w:val="000000" w:themeColor="text1"/>
        </w:rPr>
        <w:t xml:space="preserve"> enter keywords in textbox like spa, </w:t>
      </w:r>
      <w:proofErr w:type="gramStart"/>
      <w:r>
        <w:rPr>
          <w:color w:val="000000" w:themeColor="text1"/>
        </w:rPr>
        <w:t>pool</w:t>
      </w:r>
      <w:proofErr w:type="gramEnd"/>
      <w:r>
        <w:rPr>
          <w:color w:val="000000" w:themeColor="text1"/>
        </w:rPr>
        <w:t xml:space="preserve"> and other relevant keywords. Then clicking on </w:t>
      </w:r>
      <w:r w:rsidR="00672746">
        <w:rPr>
          <w:color w:val="000000" w:themeColor="text1"/>
        </w:rPr>
        <w:t>search</w:t>
      </w:r>
      <w:r>
        <w:rPr>
          <w:color w:val="000000" w:themeColor="text1"/>
        </w:rPr>
        <w:t xml:space="preserve"> the program will generate a table with listing id of rooms</w:t>
      </w:r>
      <w:r w:rsidR="00C77648">
        <w:rPr>
          <w:color w:val="000000" w:themeColor="text1"/>
        </w:rPr>
        <w:t xml:space="preserve"> based on user entered keywords</w:t>
      </w:r>
      <w:r>
        <w:rPr>
          <w:color w:val="000000" w:themeColor="text1"/>
        </w:rPr>
        <w:t>.</w:t>
      </w:r>
      <w:r w:rsidR="00C77648">
        <w:rPr>
          <w:color w:val="000000" w:themeColor="text1"/>
        </w:rPr>
        <w:t xml:space="preserve"> If no rooms are there, empty table is shown.</w:t>
      </w:r>
    </w:p>
    <w:p w14:paraId="0D6BA3B2" w14:textId="1FFA84F8" w:rsidR="009E09CB" w:rsidRDefault="00C77648" w:rsidP="009E09CB">
      <w:r>
        <w:t>Test 1:</w:t>
      </w:r>
      <w:r w:rsidR="00305CEA">
        <w:t xml:space="preserve"> Here the keyword used is pool with date range: </w:t>
      </w:r>
      <w:proofErr w:type="spellStart"/>
      <w:r w:rsidR="00305CEA">
        <w:t>start_date</w:t>
      </w:r>
      <w:proofErr w:type="spellEnd"/>
      <w:r w:rsidR="00305CEA">
        <w:t xml:space="preserve"> (2018-10-08) and </w:t>
      </w:r>
      <w:proofErr w:type="spellStart"/>
      <w:r w:rsidR="00305CEA">
        <w:t>end_date</w:t>
      </w:r>
      <w:proofErr w:type="spellEnd"/>
      <w:r w:rsidR="00305CEA">
        <w:t xml:space="preserve"> (2019-10-08)</w:t>
      </w:r>
    </w:p>
    <w:p w14:paraId="6356823F" w14:textId="5A94963D" w:rsidR="00305CEA" w:rsidRDefault="0053135B" w:rsidP="009E09CB">
      <w:r>
        <w:rPr>
          <w:noProof/>
        </w:rPr>
        <w:drawing>
          <wp:inline distT="0" distB="0" distL="0" distR="0" wp14:anchorId="115475C9" wp14:editId="7E8FE801">
            <wp:extent cx="5943600" cy="2696845"/>
            <wp:effectExtent l="0" t="0" r="0" b="0"/>
            <wp:docPr id="679953617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79953617" name="Picture 679953617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6968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997BFEF" w14:textId="600A66C6" w:rsidR="00D10D3B" w:rsidRPr="009E09CB" w:rsidRDefault="0053135B" w:rsidP="009E09CB">
      <w:r>
        <w:t>This screenshot is the table data shown in the run console. As the data row was high in number, it didn’t load in the software GUI.</w:t>
      </w:r>
    </w:p>
    <w:p w14:paraId="49BE7F08" w14:textId="2CD09320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4 </w:t>
      </w:r>
      <w:r w:rsidR="00292322">
        <w:rPr>
          <w:rStyle w:val="Heading1Char"/>
          <w:b/>
        </w:rPr>
        <w:t>Reviews</w:t>
      </w:r>
      <w:r w:rsidR="00037889">
        <w:rPr>
          <w:rStyle w:val="Heading1Char"/>
          <w:b/>
        </w:rPr>
        <w:t xml:space="preserve"> Analysis Function</w:t>
      </w:r>
    </w:p>
    <w:p w14:paraId="62AFCEB6" w14:textId="215353E7" w:rsidR="00F1031E" w:rsidRDefault="00292322" w:rsidP="00292322">
      <w:r>
        <w:t>In this section, test is based on review analysis function. User</w:t>
      </w:r>
      <w:r w:rsidR="00F1031E">
        <w:t>s</w:t>
      </w:r>
      <w:r>
        <w:t xml:space="preserve"> need to click on reviews button which will take them to reviews page. They need to select a date range and click on search button. The program displays review chart based on listing id.</w:t>
      </w:r>
    </w:p>
    <w:p w14:paraId="65544D16" w14:textId="3F30EA51" w:rsidR="00292322" w:rsidRDefault="00F1031E" w:rsidP="00292322">
      <w:r>
        <w:lastRenderedPageBreak/>
        <w:t>Test 1:</w:t>
      </w:r>
      <w:r w:rsidR="00292322">
        <w:t xml:space="preserve">  </w:t>
      </w:r>
    </w:p>
    <w:p w14:paraId="3E239FF9" w14:textId="7C447E61" w:rsidR="00305CEA" w:rsidRDefault="00305CEA" w:rsidP="00292322">
      <w:r>
        <w:rPr>
          <w:noProof/>
        </w:rPr>
        <w:drawing>
          <wp:inline distT="0" distB="0" distL="0" distR="0" wp14:anchorId="6AB14061" wp14:editId="5619BB3C">
            <wp:extent cx="5943600" cy="4452620"/>
            <wp:effectExtent l="0" t="0" r="0" b="5080"/>
            <wp:docPr id="1167699380" name="Picture 3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67699380" name="Picture 3" descr="A screenshot of a computer&#10;&#10;Description automatically generated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526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A17D878" w14:textId="77777777" w:rsidR="00D10D3B" w:rsidRPr="00292322" w:rsidRDefault="00D10D3B" w:rsidP="00292322"/>
    <w:p w14:paraId="63C58427" w14:textId="2C27B10F" w:rsidR="00ED34AE" w:rsidRPr="00184AA9" w:rsidRDefault="00ED34AE" w:rsidP="00ED34AE">
      <w:pPr>
        <w:pStyle w:val="Heading1"/>
      </w:pPr>
      <w:r>
        <w:rPr>
          <w:rStyle w:val="Heading1Char"/>
          <w:b/>
        </w:rPr>
        <w:t xml:space="preserve">Analysis 5 </w:t>
      </w:r>
      <w:r w:rsidR="00037889">
        <w:rPr>
          <w:rStyle w:val="Heading1Char"/>
          <w:b/>
        </w:rPr>
        <w:t>Room Usage Analysis Function</w:t>
      </w:r>
    </w:p>
    <w:p w14:paraId="2937FBD9" w14:textId="3E82AD3F" w:rsidR="00ED34AE" w:rsidRDefault="00F1031E" w:rsidP="00ED34AE">
      <w:r>
        <w:t xml:space="preserve">Below is the analysis of room usage function of the program. Users need to click on </w:t>
      </w:r>
      <w:proofErr w:type="spellStart"/>
      <w:r w:rsidR="00305CEA">
        <w:t>R</w:t>
      </w:r>
      <w:r>
        <w:t>oom</w:t>
      </w:r>
      <w:r w:rsidR="00305CEA">
        <w:t>U</w:t>
      </w:r>
      <w:r>
        <w:t>sage</w:t>
      </w:r>
      <w:proofErr w:type="spellEnd"/>
      <w:r>
        <w:t xml:space="preserve"> button. Then select a date range and click on search. The program displays a chart with room usage based on listing id.</w:t>
      </w:r>
    </w:p>
    <w:p w14:paraId="358D6EBE" w14:textId="18A60D5D" w:rsidR="00F1031E" w:rsidRDefault="00F1031E" w:rsidP="00ED34AE">
      <w:r>
        <w:t>Test1:</w:t>
      </w:r>
    </w:p>
    <w:p w14:paraId="40627EEE" w14:textId="358FB916" w:rsidR="00305CEA" w:rsidRPr="00ED34AE" w:rsidRDefault="00305CEA" w:rsidP="00ED34AE">
      <w:r>
        <w:rPr>
          <w:noProof/>
        </w:rPr>
        <w:lastRenderedPageBreak/>
        <w:drawing>
          <wp:inline distT="0" distB="0" distL="0" distR="0" wp14:anchorId="65BC63E5" wp14:editId="6E2EECBC">
            <wp:extent cx="4826000" cy="6477000"/>
            <wp:effectExtent l="0" t="0" r="0" b="0"/>
            <wp:docPr id="2041212837" name="Picture 4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41212837" name="Picture 4" descr="A screenshot of a computer&#10;&#10;Description automatically generated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826000" cy="6477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13"/>
      <w:footerReference w:type="first" r:id="rId14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68557F3" w14:textId="77777777" w:rsidR="00CA6C85" w:rsidRDefault="00CA6C85">
      <w:pPr>
        <w:spacing w:after="0" w:line="240" w:lineRule="auto"/>
      </w:pPr>
      <w:r>
        <w:separator/>
      </w:r>
    </w:p>
  </w:endnote>
  <w:endnote w:type="continuationSeparator" w:id="0">
    <w:p w14:paraId="3AEECF1A" w14:textId="77777777" w:rsidR="00CA6C85" w:rsidRDefault="00CA6C8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59859329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370FDE">
                <w:t>&lt;Sydney Airbnb Data Analysis Tool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370FD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 xml:space="preserve">Arjan Dangol (s5295636) | Jamil </w:t>
              </w:r>
              <w:proofErr w:type="spellStart"/>
              <w:r w:rsidR="00370FD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Deris</w:t>
              </w:r>
              <w:proofErr w:type="spellEnd"/>
              <w:r w:rsidR="00370FD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 xml:space="preserve"> (s5291506) | </w:t>
              </w:r>
              <w:proofErr w:type="spellStart"/>
              <w:r w:rsidR="00370FD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Tanish</w:t>
              </w:r>
              <w:proofErr w:type="spellEnd"/>
              <w:r w:rsidR="00370FD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 xml:space="preserve"> </w:t>
              </w:r>
              <w:proofErr w:type="spellStart"/>
              <w:r w:rsidR="00370FD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Dhir</w:t>
              </w:r>
              <w:proofErr w:type="spellEnd"/>
              <w:r w:rsidR="00370FD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 xml:space="preserve"> (s5287914)</w:t>
              </w:r>
            </w:sdtContent>
          </w:sdt>
        </w:p>
      </w:tc>
      <w:tc>
        <w:tcPr>
          <w:tcW w:w="4675" w:type="dxa"/>
        </w:tcPr>
        <w:p w14:paraId="66753B50" w14:textId="6012FE1B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53135B">
            <w:rPr>
              <w:noProof/>
            </w:rPr>
            <w:t>7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6ACB0ADA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370FDE">
          <w:t>&lt;Sydney Airbnb Data Analysis Tool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370FD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 xml:space="preserve">Arjan Dangol (s5295636) | Jamil </w:t>
        </w:r>
        <w:proofErr w:type="spellStart"/>
        <w:r w:rsidR="00370FD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Deris</w:t>
        </w:r>
        <w:proofErr w:type="spellEnd"/>
        <w:r w:rsidR="00370FD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 xml:space="preserve"> (s5291506) | </w:t>
        </w:r>
        <w:proofErr w:type="spellStart"/>
        <w:r w:rsidR="00370FD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Tanish</w:t>
        </w:r>
        <w:proofErr w:type="spellEnd"/>
        <w:r w:rsidR="00370FD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 xml:space="preserve"> </w:t>
        </w:r>
        <w:proofErr w:type="spellStart"/>
        <w:r w:rsidR="00370FD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Dhir</w:t>
        </w:r>
        <w:proofErr w:type="spellEnd"/>
        <w:r w:rsidR="00370FD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 xml:space="preserve"> (s5287914)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9FA2721" w14:textId="77777777" w:rsidR="00CA6C85" w:rsidRDefault="00CA6C85">
      <w:pPr>
        <w:spacing w:after="0" w:line="240" w:lineRule="auto"/>
      </w:pPr>
      <w:r>
        <w:separator/>
      </w:r>
    </w:p>
  </w:footnote>
  <w:footnote w:type="continuationSeparator" w:id="0">
    <w:p w14:paraId="1615055B" w14:textId="77777777" w:rsidR="00CA6C85" w:rsidRDefault="00CA6C85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8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37889"/>
    <w:rsid w:val="00184AA9"/>
    <w:rsid w:val="00292322"/>
    <w:rsid w:val="002C6136"/>
    <w:rsid w:val="002D4235"/>
    <w:rsid w:val="00305CEA"/>
    <w:rsid w:val="00370FDE"/>
    <w:rsid w:val="00384BB1"/>
    <w:rsid w:val="0053135B"/>
    <w:rsid w:val="00672746"/>
    <w:rsid w:val="00715A6E"/>
    <w:rsid w:val="008F1C30"/>
    <w:rsid w:val="009000CE"/>
    <w:rsid w:val="0097144C"/>
    <w:rsid w:val="009E09CB"/>
    <w:rsid w:val="009E74AF"/>
    <w:rsid w:val="00A60EF3"/>
    <w:rsid w:val="00AD07E1"/>
    <w:rsid w:val="00AE0CAF"/>
    <w:rsid w:val="00C77648"/>
    <w:rsid w:val="00CA6C85"/>
    <w:rsid w:val="00D06CD4"/>
    <w:rsid w:val="00D10D3B"/>
    <w:rsid w:val="00DD0ACF"/>
    <w:rsid w:val="00E96904"/>
    <w:rsid w:val="00EA567C"/>
    <w:rsid w:val="00ED34AE"/>
    <w:rsid w:val="00EF1F30"/>
    <w:rsid w:val="00F1031E"/>
    <w:rsid w:val="00F431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E09CB"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732749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image" Target="media/image5.png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glossaryDocument" Target="glossary/document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image" Target="media/image3.pn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742C18"/>
    <w:rsid w:val="00854693"/>
    <w:rsid w:val="008B7338"/>
    <w:rsid w:val="009B713D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C:\Users\s2172046\AppData\Roaming\Microsoft\Templates\Term paper.dotx</Template>
  <TotalTime>128</TotalTime>
  <Pages>8</Pages>
  <Words>415</Words>
  <Characters>2369</Characters>
  <Application>Microsoft Office Word</Application>
  <DocSecurity>0</DocSecurity>
  <Lines>19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277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Sydney Airbnb Data Analysis Tool&gt; Executive Summary</dc:title>
  <dc:creator>Arjan Dangol (s5295636) | Jamil Deris (s5291506) | Tanish Dhir (s5287914)</dc:creator>
  <cp:keywords/>
  <cp:lastModifiedBy>Arjan Dangol</cp:lastModifiedBy>
  <cp:revision>19</cp:revision>
  <dcterms:created xsi:type="dcterms:W3CDTF">2017-08-28T03:16:00Z</dcterms:created>
  <dcterms:modified xsi:type="dcterms:W3CDTF">2023-10-08T13:54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